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421"/>
      </w:tblGrid>
      <w:tr w:rsidR="00CE0DED" w14:paraId="418525DB" w14:textId="77777777" w:rsidTr="00B01473">
        <w:trPr>
          <w:trHeight w:hRule="exact" w:val="270"/>
        </w:trPr>
        <w:tc>
          <w:tcPr>
            <w:tcW w:w="421" w:type="dxa"/>
          </w:tcPr>
          <w:p w14:paraId="75CFD757" w14:textId="2A728BF9" w:rsidR="00F6455B" w:rsidRDefault="00F6455B" w:rsidP="002B5C83"/>
        </w:tc>
      </w:tr>
    </w:tbl>
    <w:p w14:paraId="5BEF9B2B" w14:textId="316F118D" w:rsidR="00F6455B" w:rsidRDefault="002B5C83" w:rsidP="006C1BC3">
      <w:pPr>
        <w:pStyle w:val="Title"/>
      </w:pPr>
      <w:r>
        <w:br w:type="textWrapping" w:clear="all"/>
      </w:r>
    </w:p>
    <w:p w14:paraId="2E240591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OCURA SPECIALA</w:t>
      </w:r>
    </w:p>
    <w:p w14:paraId="36F66A9C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e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prezentar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dunare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General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Ordinar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onarilor</w:t>
      </w:r>
      <w:proofErr w:type="spellEnd"/>
    </w:p>
    <w:p w14:paraId="2664C1D5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CR Leasing IFN SA</w:t>
      </w:r>
    </w:p>
    <w:p w14:paraId="026CD615" w14:textId="1AFD479F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in data de </w:t>
      </w:r>
      <w:r w:rsidR="00F75CE0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29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01.202</w:t>
      </w:r>
      <w:r w:rsidR="00F75CE0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6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, ora 10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0</w:t>
      </w:r>
      <w:r w:rsidR="00F75CE0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0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exclusiv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orespondenta</w:t>
      </w:r>
      <w:proofErr w:type="spellEnd"/>
    </w:p>
    <w:p w14:paraId="245DA4F8" w14:textId="77777777" w:rsidR="00B01473" w:rsidRPr="00B01473" w:rsidRDefault="00B01473" w:rsidP="00B01473">
      <w:pPr>
        <w:spacing w:after="160" w:line="259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378E808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ubsemna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(</w:t>
      </w:r>
      <w:proofErr w:type="gram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)</w:t>
      </w:r>
      <w:r w:rsidRPr="00B01473" w:rsidDel="007457C7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</w:t>
      </w:r>
      <w:proofErr w:type="gram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______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___, </w:t>
      </w:r>
    </w:p>
    <w:p w14:paraId="70E6BCD9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5EE7B4E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____, la data de 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a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NP 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n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____________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mis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.A.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, pe _____________________________________________________________________________________</w:t>
      </w:r>
    </w:p>
    <w:p w14:paraId="7A15286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       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mandata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18BD34F2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 </w:t>
      </w:r>
      <w:proofErr w:type="spellStart"/>
      <w:proofErr w:type="gram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</w:t>
      </w:r>
      <w:proofErr w:type="gram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</w:t>
      </w:r>
    </w:p>
    <w:p w14:paraId="2DA4DCE4" w14:textId="2012C9D6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la data de _______________, CNP _________________________________,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prezenta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meu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dun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Genera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Ordina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.A., car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oc la data de </w:t>
      </w:r>
      <w:r w:rsidR="00F75CE0">
        <w:rPr>
          <w:rFonts w:ascii="Inter" w:eastAsia="Calibri" w:hAnsi="Inter" w:cs="Times New Roman"/>
          <w:color w:val="auto"/>
          <w:kern w:val="2"/>
          <w:szCs w:val="20"/>
          <w:lang w:val="en-US"/>
        </w:rPr>
        <w:t>29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.01.202</w:t>
      </w:r>
      <w:r w:rsidR="00F75CE0">
        <w:rPr>
          <w:rFonts w:ascii="Inter" w:eastAsia="Calibri" w:hAnsi="Inter" w:cs="Times New Roman"/>
          <w:color w:val="auto"/>
          <w:kern w:val="2"/>
          <w:szCs w:val="20"/>
          <w:lang w:val="en-US"/>
        </w:rPr>
        <w:t>6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, ora 10</w:t>
      </w:r>
      <w:r w:rsidR="00F75CE0">
        <w:rPr>
          <w:rFonts w:ascii="Inter" w:eastAsia="Calibri" w:hAnsi="Inter" w:cs="Times New Roman"/>
          <w:color w:val="auto"/>
          <w:kern w:val="2"/>
          <w:szCs w:val="20"/>
          <w:vertAlign w:val="superscript"/>
          <w:lang w:val="en-US"/>
        </w:rPr>
        <w:t>0</w:t>
      </w:r>
      <w:r w:rsidRPr="00B01473">
        <w:rPr>
          <w:rFonts w:ascii="Inter" w:eastAsia="Calibri" w:hAnsi="Inter" w:cs="Times New Roman"/>
          <w:color w:val="auto"/>
          <w:kern w:val="2"/>
          <w:szCs w:val="20"/>
          <w:vertAlign w:val="superscript"/>
          <w:lang w:val="en-US"/>
        </w:rPr>
        <w:t>0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clusiv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respond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rci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re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o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fere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u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mine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regist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ist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up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:</w:t>
      </w:r>
    </w:p>
    <w:p w14:paraId="28BADA6A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720"/>
        <w:gridCol w:w="5316"/>
        <w:gridCol w:w="1080"/>
        <w:gridCol w:w="1108"/>
        <w:gridCol w:w="1075"/>
      </w:tblGrid>
      <w:tr w:rsidR="00B01473" w:rsidRPr="00B01473" w14:paraId="2BB80F27" w14:textId="77777777" w:rsidTr="000C72F9">
        <w:tc>
          <w:tcPr>
            <w:tcW w:w="720" w:type="dxa"/>
          </w:tcPr>
          <w:p w14:paraId="2359E834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316" w:type="dxa"/>
          </w:tcPr>
          <w:p w14:paraId="4B2DE89C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B417AB8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80" w:type="dxa"/>
          </w:tcPr>
          <w:p w14:paraId="5A0DBAB6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BC0B81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</w:tcPr>
          <w:p w14:paraId="0B638B1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04DB1247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</w:tcPr>
          <w:p w14:paraId="6358CE0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60E426F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B01473" w:rsidRPr="00B01473" w14:paraId="1DBCF6C7" w14:textId="1CE95DCC" w:rsidTr="000C72F9">
        <w:tc>
          <w:tcPr>
            <w:tcW w:w="720" w:type="dxa"/>
          </w:tcPr>
          <w:p w14:paraId="7C86F765" w14:textId="77777777" w:rsidR="000503D2" w:rsidRDefault="000503D2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F2A05D6" w14:textId="2097D9B0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316" w:type="dxa"/>
          </w:tcPr>
          <w:p w14:paraId="1A2EC533" w14:textId="249EADCD" w:rsidR="00B01473" w:rsidRPr="00B01473" w:rsidRDefault="0078552F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irea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ditorului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extern al BCR Leasing IFN S.A. </w:t>
            </w: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</w:t>
            </w:r>
            <w:r w:rsidR="00F75CE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6</w:t>
            </w:r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urata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minima a </w:t>
            </w: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tractului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cheiat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a</w:t>
            </w:r>
            <w:proofErr w:type="spellEnd"/>
            <w:r w:rsidRPr="0078552F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80" w:type="dxa"/>
          </w:tcPr>
          <w:p w14:paraId="0F5002EE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0B8D304B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428259D4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0503D2" w:rsidRPr="00B01473" w14:paraId="4236D1D4" w14:textId="77777777" w:rsidTr="000C72F9">
        <w:tc>
          <w:tcPr>
            <w:tcW w:w="720" w:type="dxa"/>
          </w:tcPr>
          <w:p w14:paraId="44A781F4" w14:textId="77777777" w:rsidR="000503D2" w:rsidRDefault="000503D2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235C222D" w14:textId="77777777" w:rsidR="000503D2" w:rsidRDefault="000503D2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0C5776FC" w14:textId="69314CCC" w:rsidR="000503D2" w:rsidRPr="00B01473" w:rsidRDefault="000503D2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2. </w:t>
            </w:r>
          </w:p>
        </w:tc>
        <w:tc>
          <w:tcPr>
            <w:tcW w:w="5316" w:type="dxa"/>
          </w:tcPr>
          <w:p w14:paraId="127C5E9E" w14:textId="57513BF9" w:rsidR="000503D2" w:rsidRPr="0078552F" w:rsidRDefault="000503D2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ndatare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lu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Vlad Bogdan Vitcu, in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esedint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Hotararil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una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Generale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dinar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onaril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or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ersonal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u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t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80" w:type="dxa"/>
          </w:tcPr>
          <w:p w14:paraId="4846884C" w14:textId="77777777" w:rsidR="000503D2" w:rsidRPr="00B01473" w:rsidRDefault="000503D2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54E7AE97" w14:textId="77777777" w:rsidR="000503D2" w:rsidRPr="00B01473" w:rsidRDefault="000503D2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5721AEAC" w14:textId="77777777" w:rsidR="000503D2" w:rsidRPr="00B01473" w:rsidRDefault="000503D2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3FC0151B" w14:textId="77777777" w:rsidR="00F75CE0" w:rsidRDefault="00F75CE0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680AAEB6" w14:textId="77777777" w:rsidR="00B01473" w:rsidRDefault="00B01473" w:rsidP="00F75CE0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n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fo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fa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A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cop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cutar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ord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termedi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cur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peci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spect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vede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ulamen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Gener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nr. 679/2016, pre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ș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egisla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plicabi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ter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. Mai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ul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al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egate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od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care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erson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t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 s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as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c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nfidentialitat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ublica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 website-ul BCR Leasing IFN SA.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cr/>
      </w:r>
    </w:p>
    <w:p w14:paraId="6C5EF47E" w14:textId="2DEE3B1E" w:rsidR="00F75CE0" w:rsidRDefault="00F75CE0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46AD054" w14:textId="77777777" w:rsidR="00F75CE0" w:rsidRPr="00B01473" w:rsidRDefault="00F75CE0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11D67C77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a: _______________________</w:t>
      </w:r>
    </w:p>
    <w:p w14:paraId="5AC4C80C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4A3B5FE2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62DA2DAD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                                                            ________________________________</w:t>
      </w:r>
    </w:p>
    <w:p w14:paraId="6717381C" w14:textId="7CD15D0D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  <w:t xml:space="preserve">     </w:t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p w14:paraId="00D08A74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B5C366B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6C74B24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______</w:t>
      </w:r>
      <w:proofErr w:type="gram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                </w:t>
      </w:r>
      <w:proofErr w:type="gram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</w:t>
      </w:r>
    </w:p>
    <w:p w14:paraId="28F55821" w14:textId="1793146F" w:rsidR="00AF584B" w:rsidRPr="00AF584B" w:rsidRDefault="00B01473" w:rsidP="00B01473">
      <w:pPr>
        <w:spacing w:line="240" w:lineRule="auto"/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sectPr w:rsidR="00AF584B" w:rsidRPr="00AF584B" w:rsidSect="00B01473">
      <w:headerReference w:type="default" r:id="rId6"/>
      <w:footerReference w:type="default" r:id="rId7"/>
      <w:headerReference w:type="first" r:id="rId8"/>
      <w:footerReference w:type="first" r:id="rId9"/>
      <w:pgSz w:w="11906" w:h="16838"/>
      <w:pgMar w:top="2625" w:right="1230" w:bottom="630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DE63E87" w14:textId="77777777" w:rsidR="00D3294F" w:rsidRDefault="00D3294F" w:rsidP="00D16B86">
      <w:pPr>
        <w:spacing w:line="240" w:lineRule="auto"/>
      </w:pPr>
      <w:r>
        <w:separator/>
      </w:r>
    </w:p>
  </w:endnote>
  <w:endnote w:type="continuationSeparator" w:id="0">
    <w:p w14:paraId="24B2390E" w14:textId="77777777" w:rsidR="00D3294F" w:rsidRDefault="00D3294F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Inter">
    <w:altName w:val="Calibri"/>
    <w:charset w:val="00"/>
    <w:family w:val="swiss"/>
    <w:pitch w:val="variable"/>
    <w:sig w:usb0="E00002FF" w:usb1="1200A1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8649430" name="Picture 864943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07CF83E0" w14:textId="77777777" w:rsidR="00D3294F" w:rsidRDefault="00D3294F" w:rsidP="00D16B86">
      <w:pPr>
        <w:spacing w:line="240" w:lineRule="auto"/>
      </w:pPr>
      <w:r>
        <w:separator/>
      </w:r>
    </w:p>
  </w:footnote>
  <w:footnote w:type="continuationSeparator" w:id="0">
    <w:p w14:paraId="6A601B62" w14:textId="77777777" w:rsidR="00D3294F" w:rsidRDefault="00D3294F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678353147" name="Picture 67835314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fldSimple w:instr=" NUMPAGES   \* MERGEFORMAT ">
      <w:r>
        <w:rPr>
          <w:noProof/>
        </w:rPr>
        <w:t>2</w:t>
      </w:r>
    </w:fldSimple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proofErr w:type="gramStart"/>
          <w:r>
            <w:rPr>
              <w:spacing w:val="-4"/>
            </w:rPr>
            <w:t>3.L</w:t>
          </w:r>
          <w:proofErr w:type="gramEnd"/>
          <w:r>
            <w:rPr>
              <w:spacing w:val="-4"/>
            </w:rPr>
            <w:t>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318FA94C" w14:textId="0180F40B" w:rsidR="00CE0DED" w:rsidRDefault="00F75CE0" w:rsidP="0008580D">
          <w:pPr>
            <w:pStyle w:val="Info"/>
          </w:pPr>
          <w:proofErr w:type="spellStart"/>
          <w:r w:rsidRPr="00F75CE0">
            <w:t>Idenificator</w:t>
          </w:r>
          <w:proofErr w:type="spellEnd"/>
          <w:r w:rsidRPr="00F75CE0">
            <w:t xml:space="preserve"> </w:t>
          </w:r>
          <w:proofErr w:type="spellStart"/>
          <w:r w:rsidRPr="00F75CE0">
            <w:t>Unic</w:t>
          </w:r>
          <w:proofErr w:type="spellEnd"/>
          <w:r w:rsidRPr="00F75CE0">
            <w:t xml:space="preserve"> la Nivel European (EUID) ROONRC.J2001003213400</w:t>
          </w:r>
        </w:p>
        <w:p w14:paraId="09670AE4" w14:textId="64A0F5C1" w:rsidR="00AE64DE" w:rsidRDefault="00AE64DE" w:rsidP="00AE64DE">
          <w:pPr>
            <w:pStyle w:val="Info"/>
          </w:pPr>
          <w:proofErr w:type="spellStart"/>
          <w:proofErr w:type="gramStart"/>
          <w:r>
            <w:t>Nr.înreg</w:t>
          </w:r>
          <w:proofErr w:type="spellEnd"/>
          <w:proofErr w:type="gramEnd"/>
          <w:r>
            <w:t xml:space="preserve">. Reg. Com. </w:t>
          </w:r>
          <w:r w:rsidR="00F75CE0" w:rsidRPr="00F75CE0">
            <w:t xml:space="preserve"> J2001003213400</w:t>
          </w:r>
        </w:p>
        <w:p w14:paraId="51198A7E" w14:textId="77777777" w:rsidR="00AE64DE" w:rsidRDefault="00AE64DE" w:rsidP="00AE64DE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>Capital social: 63.382.475 LEI</w:t>
          </w:r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fldSimple w:instr=" NUMPAGES   \* MERGEFORMAT ">
            <w:r w:rsidRPr="005A6184">
              <w:t>2</w:t>
            </w:r>
          </w:fldSimple>
        </w:p>
        <w:bookmarkStart w:id="0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1F18FCD7" w:rsidR="00CE0DED" w:rsidRDefault="00F75CE0" w:rsidP="0008580D">
              <w:pPr>
                <w:pStyle w:val="Info"/>
              </w:pPr>
              <w:r>
                <w:t>confidential</w:t>
              </w:r>
            </w:p>
          </w:sdtContent>
        </w:sdt>
        <w:bookmarkEnd w:id="0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503D2"/>
    <w:rsid w:val="0008580D"/>
    <w:rsid w:val="000E5BEF"/>
    <w:rsid w:val="000F4962"/>
    <w:rsid w:val="00102ED1"/>
    <w:rsid w:val="0023631F"/>
    <w:rsid w:val="0024195E"/>
    <w:rsid w:val="00272F32"/>
    <w:rsid w:val="002B5C83"/>
    <w:rsid w:val="002F5F7D"/>
    <w:rsid w:val="003035B6"/>
    <w:rsid w:val="00334E1A"/>
    <w:rsid w:val="00341F0B"/>
    <w:rsid w:val="003E56E6"/>
    <w:rsid w:val="00405CC8"/>
    <w:rsid w:val="00445062"/>
    <w:rsid w:val="004A4381"/>
    <w:rsid w:val="004C3F77"/>
    <w:rsid w:val="005716DC"/>
    <w:rsid w:val="005A6184"/>
    <w:rsid w:val="006C1BC3"/>
    <w:rsid w:val="0073038B"/>
    <w:rsid w:val="0078552F"/>
    <w:rsid w:val="007B3670"/>
    <w:rsid w:val="008357D1"/>
    <w:rsid w:val="008C5D85"/>
    <w:rsid w:val="00934E23"/>
    <w:rsid w:val="00961CAA"/>
    <w:rsid w:val="009A7F6A"/>
    <w:rsid w:val="00AE64DE"/>
    <w:rsid w:val="00AF584B"/>
    <w:rsid w:val="00B01473"/>
    <w:rsid w:val="00BB2D96"/>
    <w:rsid w:val="00BB3FB9"/>
    <w:rsid w:val="00C01390"/>
    <w:rsid w:val="00C5223E"/>
    <w:rsid w:val="00CA0E17"/>
    <w:rsid w:val="00CC19AD"/>
    <w:rsid w:val="00CE0DED"/>
    <w:rsid w:val="00D16B86"/>
    <w:rsid w:val="00D3294F"/>
    <w:rsid w:val="00DA3EFD"/>
    <w:rsid w:val="00DE2269"/>
    <w:rsid w:val="00E5292C"/>
    <w:rsid w:val="00E578CA"/>
    <w:rsid w:val="00EA1F55"/>
    <w:rsid w:val="00F227E4"/>
    <w:rsid w:val="00F6455B"/>
    <w:rsid w:val="00F75CE0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4</TotalTime>
  <Pages>2</Pages>
  <Words>420</Words>
  <Characters>2395</Characters>
  <Application>Microsoft Office Word</Application>
  <DocSecurity>0</DocSecurity>
  <Lines>19</Lines>
  <Paragraphs>5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28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5</cp:revision>
  <cp:lastPrinted>2022-10-26T23:31:00Z</cp:lastPrinted>
  <dcterms:created xsi:type="dcterms:W3CDTF">2024-01-09T10:01:00Z</dcterms:created>
  <dcterms:modified xsi:type="dcterms:W3CDTF">2025-12-22T11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22:59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1995a4f8-d455-4f61-95e4-833efe9310c6</vt:lpwstr>
  </property>
  <property fmtid="{D5CDD505-2E9C-101B-9397-08002B2CF9AE}" pid="8" name="MSIP_Label_38939b85-7e40-4a1d-91e1-0e84c3b219d7_ContentBits">
    <vt:lpwstr>0</vt:lpwstr>
  </property>
</Properties>
</file>